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diagrams/data1.xml" ContentType="application/vnd.openxmlformats-officedocument.drawingml.diagramData+xml"/>
  <Override PartName="/word/diagrams/layout1.xml" ContentType="application/vnd.openxmlformats-officedocument.drawingml.diagramLayout+xml"/>
  <Override PartName="/word/diagrams/quickStyle1.xml" ContentType="application/vnd.openxmlformats-officedocument.drawingml.diagramStyle+xml"/>
  <Override PartName="/word/diagrams/colors1.xml" ContentType="application/vnd.openxmlformats-officedocument.drawingml.diagramColors+xml"/>
  <Override PartName="/word/diagrams/drawing1.xml" ContentType="application/vnd.ms-office.drawingml.diagramDrawing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63827" w:rsidRPr="00E56BB9" w:rsidRDefault="00E56BB9" w:rsidP="00035CB8">
      <w:pPr>
        <w:snapToGrid w:val="0"/>
        <w:jc w:val="center"/>
        <w:rPr>
          <w:b/>
          <w:sz w:val="28"/>
        </w:rPr>
      </w:pPr>
      <w:r w:rsidRPr="00E56BB9">
        <w:rPr>
          <w:rFonts w:ascii="標楷體" w:eastAsia="標楷體" w:hAnsi="標楷體" w:hint="eastAsia"/>
          <w:b/>
          <w:sz w:val="96"/>
          <w:szCs w:val="52"/>
        </w:rPr>
        <w:t>緊急通知（支援）單位聯絡電話</w:t>
      </w:r>
    </w:p>
    <w:p w:rsidR="00C150AB" w:rsidRDefault="00C150AB">
      <w:pPr>
        <w:snapToGrid w:val="0"/>
      </w:pPr>
    </w:p>
    <w:p w:rsidR="00C150AB" w:rsidRPr="00C82C80" w:rsidRDefault="009617D3" w:rsidP="008316AB">
      <w:pPr>
        <w:snapToGrid w:val="0"/>
        <w:ind w:leftChars="-177" w:left="-425"/>
        <w:rPr>
          <w:sz w:val="28"/>
        </w:rPr>
      </w:pPr>
      <w:r>
        <w:rPr>
          <w:rFonts w:eastAsia="標楷體" w:hint="eastAsia"/>
          <w:noProof/>
          <w:sz w:val="44"/>
          <w:szCs w:val="44"/>
        </w:rPr>
        <w:drawing>
          <wp:anchor distT="0" distB="0" distL="114300" distR="114300" simplePos="0" relativeHeight="251663872" behindDoc="0" locked="0" layoutInCell="1" allowOverlap="1" wp14:anchorId="1058E020" wp14:editId="3C9AD8BB">
            <wp:simplePos x="0" y="0"/>
            <wp:positionH relativeFrom="column">
              <wp:posOffset>808990</wp:posOffset>
            </wp:positionH>
            <wp:positionV relativeFrom="paragraph">
              <wp:posOffset>4689475</wp:posOffset>
            </wp:positionV>
            <wp:extent cx="1142365" cy="827405"/>
            <wp:effectExtent l="0" t="0" r="635" b="0"/>
            <wp:wrapNone/>
            <wp:docPr id="20" name="圖片 20" descr="MC900433636[1]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MC900433636[1]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42365" cy="827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sz w:val="28"/>
        </w:rPr>
        <w:drawing>
          <wp:anchor distT="0" distB="0" distL="114300" distR="114300" simplePos="0" relativeHeight="251662848" behindDoc="0" locked="0" layoutInCell="1" allowOverlap="1" wp14:anchorId="1B79651D" wp14:editId="1B28C196">
            <wp:simplePos x="0" y="0"/>
            <wp:positionH relativeFrom="column">
              <wp:posOffset>-262890</wp:posOffset>
            </wp:positionH>
            <wp:positionV relativeFrom="paragraph">
              <wp:posOffset>4011295</wp:posOffset>
            </wp:positionV>
            <wp:extent cx="1564640" cy="1123837"/>
            <wp:effectExtent l="0" t="0" r="0" b="635"/>
            <wp:wrapNone/>
            <wp:docPr id="4" name="圖片 4" descr="C:\Documents and Settings\i2412\Local Settings\Temporary Internet Files\Content.IE5\D8VFKNO2\MC900290310[1].wm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Documents and Settings\i2412\Local Settings\Temporary Internet Files\Content.IE5\D8VFKNO2\MC900290310[1].wmf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4640" cy="11238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9730A">
        <w:rPr>
          <w:rFonts w:eastAsia="標楷體" w:hint="eastAsia"/>
          <w:noProof/>
          <w:sz w:val="44"/>
          <w:szCs w:val="44"/>
        </w:rPr>
        <w:drawing>
          <wp:anchor distT="0" distB="0" distL="114300" distR="114300" simplePos="0" relativeHeight="251656704" behindDoc="0" locked="0" layoutInCell="1" allowOverlap="1" wp14:anchorId="059745E0" wp14:editId="17606690">
            <wp:simplePos x="0" y="0"/>
            <wp:positionH relativeFrom="column">
              <wp:posOffset>132715</wp:posOffset>
            </wp:positionH>
            <wp:positionV relativeFrom="paragraph">
              <wp:posOffset>2847340</wp:posOffset>
            </wp:positionV>
            <wp:extent cx="1523365" cy="1191895"/>
            <wp:effectExtent l="0" t="0" r="635" b="8255"/>
            <wp:wrapNone/>
            <wp:docPr id="22" name="圖片 22" descr="MC900198983[1]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MC900198983[1]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23365" cy="11918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9730A">
        <w:rPr>
          <w:rFonts w:eastAsia="標楷體" w:hint="eastAsia"/>
          <w:b/>
          <w:noProof/>
          <w:color w:val="FF0000"/>
          <w:sz w:val="44"/>
          <w:szCs w:val="44"/>
        </w:rPr>
        <w:drawing>
          <wp:anchor distT="0" distB="0" distL="114300" distR="114300" simplePos="0" relativeHeight="251657728" behindDoc="0" locked="0" layoutInCell="1" allowOverlap="1" wp14:anchorId="684B6106" wp14:editId="2ED624A8">
            <wp:simplePos x="0" y="0"/>
            <wp:positionH relativeFrom="column">
              <wp:posOffset>471170</wp:posOffset>
            </wp:positionH>
            <wp:positionV relativeFrom="paragraph">
              <wp:posOffset>1405255</wp:posOffset>
            </wp:positionV>
            <wp:extent cx="1084580" cy="1376045"/>
            <wp:effectExtent l="0" t="0" r="1270" b="0"/>
            <wp:wrapNone/>
            <wp:docPr id="25" name="圖片 25" descr="MC900186170[1]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MC900186170[1]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84580" cy="13760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56BB9">
        <w:rPr>
          <w:rFonts w:hint="eastAsia"/>
          <w:noProof/>
          <w:sz w:val="44"/>
          <w:szCs w:val="44"/>
        </w:rPr>
        <w:drawing>
          <wp:anchor distT="0" distB="0" distL="114300" distR="114300" simplePos="0" relativeHeight="251658752" behindDoc="0" locked="0" layoutInCell="1" allowOverlap="1" wp14:anchorId="68491613" wp14:editId="56E0B6F6">
            <wp:simplePos x="0" y="0"/>
            <wp:positionH relativeFrom="column">
              <wp:posOffset>631190</wp:posOffset>
            </wp:positionH>
            <wp:positionV relativeFrom="paragraph">
              <wp:posOffset>55245</wp:posOffset>
            </wp:positionV>
            <wp:extent cx="670560" cy="1264920"/>
            <wp:effectExtent l="0" t="0" r="0" b="0"/>
            <wp:wrapNone/>
            <wp:docPr id="31" name="圖片 31" descr="MC900446070[1]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MC900446070[1]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0560" cy="1264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bookmarkStart w:id="0" w:name="_GoBack"/>
      <w:r w:rsidR="00C150AB" w:rsidRPr="00C82C80">
        <w:rPr>
          <w:noProof/>
          <w:sz w:val="28"/>
        </w:rPr>
        <w:drawing>
          <wp:inline distT="0" distB="0" distL="0" distR="0" wp14:anchorId="05D7CFF7" wp14:editId="4351ECFB">
            <wp:extent cx="9784080" cy="5415280"/>
            <wp:effectExtent l="76200" t="57150" r="83820" b="109220"/>
            <wp:docPr id="3" name="資料庫圖表 3"/>
            <wp:cNvGraphicFramePr/>
            <a:graphic xmlns:a="http://schemas.openxmlformats.org/drawingml/2006/main">
              <a:graphicData uri="http://schemas.openxmlformats.org/drawingml/2006/diagram">
                <dgm:relIds xmlns:dgm="http://schemas.openxmlformats.org/drawingml/2006/diagram" xmlns:r="http://schemas.openxmlformats.org/officeDocument/2006/relationships" r:dm="rId11" r:lo="rId12" r:qs="rId13" r:cs="rId14"/>
              </a:graphicData>
            </a:graphic>
          </wp:inline>
        </w:drawing>
      </w:r>
      <w:bookmarkEnd w:id="0"/>
    </w:p>
    <w:sectPr w:rsidR="00C150AB" w:rsidRPr="00C82C80" w:rsidSect="00E56BB9">
      <w:headerReference w:type="even" r:id="rId16"/>
      <w:headerReference w:type="first" r:id="rId17"/>
      <w:footerReference w:type="first" r:id="rId18"/>
      <w:pgSz w:w="16838" w:h="11906" w:orient="landscape" w:code="9"/>
      <w:pgMar w:top="284" w:right="1134" w:bottom="851" w:left="1134" w:header="284" w:footer="284" w:gutter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520CA" w:rsidRDefault="001520CA">
      <w:r>
        <w:separator/>
      </w:r>
    </w:p>
  </w:endnote>
  <w:endnote w:type="continuationSeparator" w:id="0">
    <w:p w:rsidR="001520CA" w:rsidRDefault="001520C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860B8" w:rsidRDefault="00E860B8" w:rsidP="00E860B8">
    <w:pPr>
      <w:pStyle w:val="a3"/>
    </w:pPr>
  </w:p>
  <w:p w:rsidR="00E860B8" w:rsidRDefault="00E860B8" w:rsidP="00E860B8">
    <w:pPr>
      <w:pStyle w:val="a3"/>
      <w:jc w:val="cen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520CA" w:rsidRDefault="001520CA">
      <w:r>
        <w:separator/>
      </w:r>
    </w:p>
  </w:footnote>
  <w:footnote w:type="continuationSeparator" w:id="0">
    <w:p w:rsidR="001520CA" w:rsidRDefault="001520C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2C80" w:rsidRPr="00C82C80" w:rsidRDefault="00C82C80" w:rsidP="00C82C80">
    <w:pPr>
      <w:pStyle w:val="a6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104F7" w:rsidRDefault="004104F7">
    <w:pPr>
      <w:pStyle w:val="a6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52E69"/>
    <w:rsid w:val="0002113F"/>
    <w:rsid w:val="0003235A"/>
    <w:rsid w:val="00035CB8"/>
    <w:rsid w:val="00045ABD"/>
    <w:rsid w:val="00057BE4"/>
    <w:rsid w:val="000B0D3C"/>
    <w:rsid w:val="000D3C84"/>
    <w:rsid w:val="000E0134"/>
    <w:rsid w:val="0011602F"/>
    <w:rsid w:val="001252F1"/>
    <w:rsid w:val="001520CA"/>
    <w:rsid w:val="00171CBE"/>
    <w:rsid w:val="001B18CB"/>
    <w:rsid w:val="001F380B"/>
    <w:rsid w:val="001F63CB"/>
    <w:rsid w:val="00253CBA"/>
    <w:rsid w:val="00267AC2"/>
    <w:rsid w:val="002979B8"/>
    <w:rsid w:val="002A5B39"/>
    <w:rsid w:val="002B3BBA"/>
    <w:rsid w:val="002B625B"/>
    <w:rsid w:val="002C5245"/>
    <w:rsid w:val="002C6509"/>
    <w:rsid w:val="002D20EB"/>
    <w:rsid w:val="002F7BC0"/>
    <w:rsid w:val="003446DB"/>
    <w:rsid w:val="00347C66"/>
    <w:rsid w:val="00364B0F"/>
    <w:rsid w:val="003772F9"/>
    <w:rsid w:val="00382BE4"/>
    <w:rsid w:val="003948F2"/>
    <w:rsid w:val="003B19D1"/>
    <w:rsid w:val="003F7BAD"/>
    <w:rsid w:val="004104F7"/>
    <w:rsid w:val="004151A7"/>
    <w:rsid w:val="004A7158"/>
    <w:rsid w:val="004E074A"/>
    <w:rsid w:val="004F34A2"/>
    <w:rsid w:val="00515873"/>
    <w:rsid w:val="00530768"/>
    <w:rsid w:val="00532269"/>
    <w:rsid w:val="00554912"/>
    <w:rsid w:val="00563AD8"/>
    <w:rsid w:val="00564CD8"/>
    <w:rsid w:val="005A0042"/>
    <w:rsid w:val="005D1E8F"/>
    <w:rsid w:val="005D62BD"/>
    <w:rsid w:val="005E30F5"/>
    <w:rsid w:val="005E55AE"/>
    <w:rsid w:val="005F4157"/>
    <w:rsid w:val="00625043"/>
    <w:rsid w:val="00635033"/>
    <w:rsid w:val="0063656F"/>
    <w:rsid w:val="00656AD2"/>
    <w:rsid w:val="006A3C46"/>
    <w:rsid w:val="006A68B0"/>
    <w:rsid w:val="006B11CE"/>
    <w:rsid w:val="007335CD"/>
    <w:rsid w:val="00740F93"/>
    <w:rsid w:val="00742209"/>
    <w:rsid w:val="00776E86"/>
    <w:rsid w:val="007A7054"/>
    <w:rsid w:val="007C4C8E"/>
    <w:rsid w:val="007F017D"/>
    <w:rsid w:val="007F162A"/>
    <w:rsid w:val="008004D8"/>
    <w:rsid w:val="00822934"/>
    <w:rsid w:val="008316AB"/>
    <w:rsid w:val="00840524"/>
    <w:rsid w:val="00854EB9"/>
    <w:rsid w:val="00862B1C"/>
    <w:rsid w:val="00863027"/>
    <w:rsid w:val="008957CC"/>
    <w:rsid w:val="008A05E0"/>
    <w:rsid w:val="008D08DC"/>
    <w:rsid w:val="008F2AC6"/>
    <w:rsid w:val="008F3C0B"/>
    <w:rsid w:val="00937558"/>
    <w:rsid w:val="0094186B"/>
    <w:rsid w:val="00946FD4"/>
    <w:rsid w:val="0095313B"/>
    <w:rsid w:val="009617D3"/>
    <w:rsid w:val="0096463E"/>
    <w:rsid w:val="00967968"/>
    <w:rsid w:val="00971045"/>
    <w:rsid w:val="009E339A"/>
    <w:rsid w:val="00A04DE4"/>
    <w:rsid w:val="00A05A06"/>
    <w:rsid w:val="00A2737E"/>
    <w:rsid w:val="00A40E09"/>
    <w:rsid w:val="00A41555"/>
    <w:rsid w:val="00A51BA4"/>
    <w:rsid w:val="00A556A7"/>
    <w:rsid w:val="00A602CB"/>
    <w:rsid w:val="00A6173F"/>
    <w:rsid w:val="00A63827"/>
    <w:rsid w:val="00AA0681"/>
    <w:rsid w:val="00AB2BCA"/>
    <w:rsid w:val="00AE6D8C"/>
    <w:rsid w:val="00AF6299"/>
    <w:rsid w:val="00B15578"/>
    <w:rsid w:val="00B20755"/>
    <w:rsid w:val="00B52E69"/>
    <w:rsid w:val="00B65553"/>
    <w:rsid w:val="00B85654"/>
    <w:rsid w:val="00B916E5"/>
    <w:rsid w:val="00BC7CBE"/>
    <w:rsid w:val="00BD08EE"/>
    <w:rsid w:val="00BD39A6"/>
    <w:rsid w:val="00BE4CE5"/>
    <w:rsid w:val="00C12601"/>
    <w:rsid w:val="00C150AB"/>
    <w:rsid w:val="00C15811"/>
    <w:rsid w:val="00C1754C"/>
    <w:rsid w:val="00C32928"/>
    <w:rsid w:val="00C55B29"/>
    <w:rsid w:val="00C75ECC"/>
    <w:rsid w:val="00C82C80"/>
    <w:rsid w:val="00C8395F"/>
    <w:rsid w:val="00CA52E1"/>
    <w:rsid w:val="00D5080D"/>
    <w:rsid w:val="00D65263"/>
    <w:rsid w:val="00D74D9B"/>
    <w:rsid w:val="00D83CDA"/>
    <w:rsid w:val="00DA61F6"/>
    <w:rsid w:val="00E114F1"/>
    <w:rsid w:val="00E32DE0"/>
    <w:rsid w:val="00E56BB9"/>
    <w:rsid w:val="00E860B8"/>
    <w:rsid w:val="00E8768D"/>
    <w:rsid w:val="00EB712F"/>
    <w:rsid w:val="00EC4AE2"/>
    <w:rsid w:val="00EC684B"/>
    <w:rsid w:val="00ED3077"/>
    <w:rsid w:val="00ED52D4"/>
    <w:rsid w:val="00F21331"/>
    <w:rsid w:val="00F27B90"/>
    <w:rsid w:val="00F36308"/>
    <w:rsid w:val="00F836D0"/>
    <w:rsid w:val="00F90634"/>
    <w:rsid w:val="00F9730A"/>
    <w:rsid w:val="00FE5B80"/>
    <w:rsid w:val="00FF1ED6"/>
    <w:rsid w:val="00FF32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5:docId w15:val="{B12C04EB-0289-4BC8-BB97-E1E65AAD958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link w:val="a4"/>
    <w:uiPriority w:val="9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5">
    <w:name w:val="page number"/>
    <w:basedOn w:val="a0"/>
  </w:style>
  <w:style w:type="paragraph" w:styleId="a6">
    <w:name w:val="header"/>
    <w:basedOn w:val="a"/>
    <w:link w:val="a7"/>
    <w:uiPriority w:val="9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paragraph" w:styleId="a8">
    <w:name w:val="Date"/>
    <w:basedOn w:val="a"/>
    <w:next w:val="a"/>
    <w:pPr>
      <w:jc w:val="right"/>
    </w:pPr>
  </w:style>
  <w:style w:type="paragraph" w:styleId="a9">
    <w:name w:val="Balloon Text"/>
    <w:basedOn w:val="a"/>
    <w:semiHidden/>
    <w:rsid w:val="000E0134"/>
    <w:rPr>
      <w:rFonts w:ascii="Arial" w:hAnsi="Arial"/>
      <w:sz w:val="18"/>
      <w:szCs w:val="18"/>
    </w:rPr>
  </w:style>
  <w:style w:type="paragraph" w:styleId="aa">
    <w:name w:val="Body Text Indent"/>
    <w:basedOn w:val="a"/>
    <w:link w:val="ab"/>
    <w:rsid w:val="00554912"/>
    <w:pPr>
      <w:snapToGrid w:val="0"/>
      <w:spacing w:before="120" w:line="240" w:lineRule="atLeast"/>
      <w:ind w:left="480" w:hanging="480"/>
      <w:jc w:val="both"/>
    </w:pPr>
    <w:rPr>
      <w:rFonts w:eastAsia="標楷體"/>
      <w:sz w:val="28"/>
      <w:szCs w:val="20"/>
    </w:rPr>
  </w:style>
  <w:style w:type="character" w:customStyle="1" w:styleId="ab">
    <w:name w:val="本文縮排 字元"/>
    <w:link w:val="aa"/>
    <w:rsid w:val="00554912"/>
    <w:rPr>
      <w:rFonts w:eastAsia="標楷體"/>
      <w:kern w:val="2"/>
      <w:sz w:val="28"/>
    </w:rPr>
  </w:style>
  <w:style w:type="character" w:customStyle="1" w:styleId="a7">
    <w:name w:val="頁首 字元"/>
    <w:link w:val="a6"/>
    <w:uiPriority w:val="99"/>
    <w:rsid w:val="00A6173F"/>
    <w:rPr>
      <w:kern w:val="2"/>
    </w:rPr>
  </w:style>
  <w:style w:type="character" w:customStyle="1" w:styleId="a4">
    <w:name w:val="頁尾 字元"/>
    <w:basedOn w:val="a0"/>
    <w:link w:val="a3"/>
    <w:uiPriority w:val="99"/>
    <w:rsid w:val="00E860B8"/>
    <w:rPr>
      <w:kern w:val="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wmf"/><Relationship Id="rId13" Type="http://schemas.openxmlformats.org/officeDocument/2006/relationships/diagramQuickStyle" Target="diagrams/quickStyle1.xml"/><Relationship Id="rId1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image" Target="media/image2.wmf"/><Relationship Id="rId12" Type="http://schemas.openxmlformats.org/officeDocument/2006/relationships/diagramLayout" Target="diagrams/layout1.xml"/><Relationship Id="rId17" Type="http://schemas.openxmlformats.org/officeDocument/2006/relationships/header" Target="header2.xml"/><Relationship Id="rId2" Type="http://schemas.openxmlformats.org/officeDocument/2006/relationships/settings" Target="settings.xml"/><Relationship Id="rId16" Type="http://schemas.openxmlformats.org/officeDocument/2006/relationships/header" Target="header1.xml"/><Relationship Id="rId20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wmf"/><Relationship Id="rId11" Type="http://schemas.openxmlformats.org/officeDocument/2006/relationships/diagramData" Target="diagrams/data1.xml"/><Relationship Id="rId5" Type="http://schemas.openxmlformats.org/officeDocument/2006/relationships/endnotes" Target="endnotes.xml"/><Relationship Id="rId15" Type="http://schemas.microsoft.com/office/2007/relationships/diagramDrawing" Target="diagrams/drawing1.xml"/><Relationship Id="rId10" Type="http://schemas.openxmlformats.org/officeDocument/2006/relationships/image" Target="media/image5.wmf"/><Relationship Id="rId19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image" Target="media/image4.wmf"/><Relationship Id="rId14" Type="http://schemas.openxmlformats.org/officeDocument/2006/relationships/diagramColors" Target="diagrams/colors1.xml"/></Relationships>
</file>

<file path=word/diagrams/colors1.xml><?xml version="1.0" encoding="utf-8"?>
<dgm:colorsDef xmlns:dgm="http://schemas.openxmlformats.org/drawingml/2006/diagram" xmlns:a="http://schemas.openxmlformats.org/drawingml/2006/main" uniqueId="urn:microsoft.com/office/officeart/2005/8/colors/accent5_1">
  <dgm:title val=""/>
  <dgm:desc val=""/>
  <dgm:catLst>
    <dgm:cat type="accent5" pri="11100"/>
  </dgm:catLst>
  <dgm:styleLbl name="node0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5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5">
        <a:tint val="40000"/>
      </a:schemeClr>
    </dgm:fillClrLst>
    <dgm:linClrLst meth="repeat">
      <a:schemeClr val="accent5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5">
        <a:tint val="40000"/>
      </a:schemeClr>
    </dgm:fillClrLst>
    <dgm:linClrLst meth="repeat">
      <a:schemeClr val="accent5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5">
        <a:tint val="40000"/>
      </a:schemeClr>
    </dgm:fillClrLst>
    <dgm:linClrLst meth="repeat">
      <a:schemeClr val="accent5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5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5">
        <a:tint val="60000"/>
      </a:schemeClr>
    </dgm:fillClrLst>
    <dgm:linClrLst meth="repeat">
      <a:schemeClr val="accent5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5"/>
    </dgm:fillClrLst>
    <dgm:linClrLst meth="repeat">
      <a:schemeClr val="accent5"/>
    </dgm:linClrLst>
    <dgm:effectClrLst/>
    <dgm:txLinClrLst/>
    <dgm:txFillClrLst/>
    <dgm:txEffectClrLst/>
  </dgm:styleLbl>
  <dgm:styleLbl name="parChTrans2D3">
    <dgm:fillClrLst meth="repeat">
      <a:schemeClr val="accent5"/>
    </dgm:fillClrLst>
    <dgm:linClrLst meth="repeat">
      <a:schemeClr val="accent5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5"/>
    </dgm:fillClrLst>
    <dgm:linClrLst meth="repeat">
      <a:schemeClr val="accent5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5"/>
    </dgm:fillClrLst>
    <dgm:linClrLst meth="repeat">
      <a:schemeClr val="accent5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/>
    </dgm:fillClrLst>
    <dgm:linClrLst meth="repeat">
      <a:schemeClr val="accent5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5">
        <a:alpha val="4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5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5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5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5">
        <a:alpha val="90000"/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8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word/diagrams/data1.xml><?xml version="1.0" encoding="utf-8"?>
<dgm:dataModel xmlns:dgm="http://schemas.openxmlformats.org/drawingml/2006/diagram" xmlns:a="http://schemas.openxmlformats.org/drawingml/2006/main">
  <dgm:ptLst>
    <dgm:pt modelId="{447513C6-AFC7-4FDD-8171-524A76161F7E}" type="doc">
      <dgm:prSet loTypeId="urn:microsoft.com/office/officeart/2005/8/layout/vList4" loCatId="list" qsTypeId="urn:microsoft.com/office/officeart/2005/8/quickstyle/simple2" qsCatId="simple" csTypeId="urn:microsoft.com/office/officeart/2005/8/colors/accent5_1" csCatId="accent5" phldr="1"/>
      <dgm:spPr/>
      <dgm:t>
        <a:bodyPr/>
        <a:lstStyle/>
        <a:p>
          <a:endParaRPr lang="zh-TW" altLang="en-US"/>
        </a:p>
      </dgm:t>
    </dgm:pt>
    <dgm:pt modelId="{767CD479-C850-483E-B47A-517BA65B984E}">
      <dgm:prSet phldrT="[文字]" custT="1"/>
      <dgm:spPr/>
      <dgm:t>
        <a:bodyPr/>
        <a:lstStyle/>
        <a:p>
          <a:r>
            <a:rPr lang="zh-TW" altLang="en-US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醫務室          </a:t>
          </a:r>
          <a:r>
            <a:rPr lang="zh-TW" altLang="en-US" sz="4400" b="1">
              <a:latin typeface="Verdana" pitchFamily="34" charset="0"/>
              <a:ea typeface="標楷體" pitchFamily="65" charset="-120"/>
              <a:cs typeface="Vrinda" pitchFamily="2" charset="0"/>
            </a:rPr>
            <a:t> </a:t>
          </a:r>
          <a:r>
            <a:rPr lang="en-US" sz="4400" b="1">
              <a:latin typeface="Verdana" pitchFamily="34" charset="0"/>
              <a:ea typeface="標楷體" pitchFamily="65" charset="-120"/>
              <a:cs typeface="Vrinda" pitchFamily="2" charset="0"/>
            </a:rPr>
            <a:t>2519 / 2520</a:t>
          </a:r>
          <a:endParaRPr lang="zh-TW" altLang="en-US" sz="4400" b="1">
            <a:latin typeface="Verdana" pitchFamily="34" charset="0"/>
            <a:ea typeface="標楷體" pitchFamily="65" charset="-120"/>
            <a:cs typeface="Vrinda" pitchFamily="2" charset="0"/>
          </a:endParaRPr>
        </a:p>
      </dgm:t>
    </dgm:pt>
    <dgm:pt modelId="{C2233ED1-25F8-4023-9AC1-C06832CBFA67}" type="parTrans" cxnId="{F4909161-525A-4861-8555-D87CFA4A9B2B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D2197FCE-C44E-40A9-88C0-505AF4A8A969}" type="sibTrans" cxnId="{F4909161-525A-4861-8555-D87CFA4A9B2B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191A2CBD-B8C6-46FF-A38A-3DE38D53EC15}">
      <dgm:prSet phldrT="[文字]" custT="1"/>
      <dgm:spPr/>
      <dgm:t>
        <a:bodyPr/>
        <a:lstStyle/>
        <a:p>
          <a:pPr algn="just"/>
          <a:r>
            <a:rPr lang="zh-TW" altLang="en-US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保警中隊                         </a:t>
          </a:r>
          <a:r>
            <a:rPr lang="en-US" altLang="zh-TW" sz="4400" b="1">
              <a:latin typeface="Verdana" pitchFamily="34" charset="0"/>
              <a:ea typeface="標楷體" pitchFamily="65" charset="-120"/>
              <a:cs typeface="Times New Roman" pitchFamily="18" charset="0"/>
            </a:rPr>
            <a:t>2255</a:t>
          </a:r>
          <a:endParaRPr lang="zh-TW" altLang="en-US" sz="4400" b="1">
            <a:latin typeface="Verdana" pitchFamily="34" charset="0"/>
            <a:ea typeface="標楷體" pitchFamily="65" charset="-120"/>
            <a:cs typeface="Times New Roman" pitchFamily="18" charset="0"/>
          </a:endParaRPr>
        </a:p>
      </dgm:t>
    </dgm:pt>
    <dgm:pt modelId="{DBC40BCF-5E9C-4501-9420-CF3E1E2A4B87}" type="parTrans" cxnId="{FE872826-0390-40C9-A94A-7B4B4F130573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6D7D16C1-E2B4-4D48-A12F-6948819A45C5}" type="sibTrans" cxnId="{FE872826-0390-40C9-A94A-7B4B4F130573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865FE1A6-2C7E-4B01-B6FE-FAD22A4DA7A9}">
      <dgm:prSet phldrT="[文字]" custT="1"/>
      <dgm:spPr/>
      <dgm:t>
        <a:bodyPr lIns="108000" rIns="0"/>
        <a:lstStyle/>
        <a:p>
          <a:r>
            <a:rPr lang="zh-TW" altLang="en-US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中科院消防隊 </a:t>
          </a:r>
          <a:r>
            <a:rPr lang="en-US" sz="4400" b="1">
              <a:latin typeface="Verdana" pitchFamily="34" charset="0"/>
              <a:ea typeface="標楷體" pitchFamily="65" charset="-120"/>
              <a:cs typeface="Times New Roman" pitchFamily="18" charset="0"/>
            </a:rPr>
            <a:t>119/350524</a:t>
          </a:r>
          <a:endParaRPr lang="zh-TW" altLang="en-US" sz="4400" b="1">
            <a:latin typeface="Verdana" pitchFamily="34" charset="0"/>
            <a:ea typeface="標楷體" pitchFamily="65" charset="-120"/>
            <a:cs typeface="Times New Roman" pitchFamily="18" charset="0"/>
          </a:endParaRPr>
        </a:p>
      </dgm:t>
    </dgm:pt>
    <dgm:pt modelId="{99BA615B-10A2-41A4-8B4E-FE5D77625A8F}" type="parTrans" cxnId="{994C82DB-FDB1-4FD0-A7B1-C8A489AC2166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61FE5BFE-2A6F-424D-B153-0B24D49D8662}" type="sibTrans" cxnId="{994C82DB-FDB1-4FD0-A7B1-C8A489AC2166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15E999ED-F7BE-442E-A142-66B8346B75D9}">
      <dgm:prSet phldrT="[文字]" custT="1"/>
      <dgm:spPr/>
      <dgm:t>
        <a:bodyPr/>
        <a:lstStyle/>
        <a:p>
          <a:r>
            <a:rPr lang="zh-TW" altLang="en-US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所外消防隊</a:t>
          </a:r>
          <a:r>
            <a:rPr lang="en-US" altLang="zh-TW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/</a:t>
          </a:r>
          <a:r>
            <a:rPr lang="zh-TW" altLang="en-US" sz="4400" b="1">
              <a:solidFill>
                <a:srgbClr val="C00000"/>
              </a:solidFill>
              <a:latin typeface="Times New Roman" pitchFamily="18" charset="0"/>
              <a:ea typeface="標楷體" pitchFamily="65" charset="-120"/>
              <a:cs typeface="Times New Roman" pitchFamily="18" charset="0"/>
            </a:rPr>
            <a:t>救護車</a:t>
          </a:r>
          <a:r>
            <a:rPr lang="zh-TW" altLang="en-US" sz="4400" b="1">
              <a:latin typeface="Times New Roman" pitchFamily="18" charset="0"/>
              <a:ea typeface="標楷體" pitchFamily="65" charset="-120"/>
              <a:cs typeface="Times New Roman" pitchFamily="18" charset="0"/>
            </a:rPr>
            <a:t>   </a:t>
          </a:r>
          <a:r>
            <a:rPr lang="en-US" sz="4400" b="1">
              <a:solidFill>
                <a:srgbClr val="C00000"/>
              </a:solidFill>
              <a:latin typeface="Verdana" pitchFamily="34" charset="0"/>
              <a:ea typeface="標楷體" pitchFamily="65" charset="-120"/>
              <a:cs typeface="Times New Roman" pitchFamily="18" charset="0"/>
            </a:rPr>
            <a:t>03-119</a:t>
          </a:r>
          <a:endParaRPr lang="zh-TW" altLang="en-US" sz="4400" b="1">
            <a:solidFill>
              <a:srgbClr val="C00000"/>
            </a:solidFill>
            <a:latin typeface="Verdana" pitchFamily="34" charset="0"/>
            <a:ea typeface="標楷體" pitchFamily="65" charset="-120"/>
            <a:cs typeface="Times New Roman" pitchFamily="18" charset="0"/>
          </a:endParaRPr>
        </a:p>
      </dgm:t>
    </dgm:pt>
    <dgm:pt modelId="{4D46383C-7CA8-47CF-8CE8-C249CE5C67C7}" type="parTrans" cxnId="{E95FECA8-2FA5-42B4-BE53-3D230E35442C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A26F350F-3D3A-4C0B-9815-072BCDDB4384}" type="sibTrans" cxnId="{E95FECA8-2FA5-42B4-BE53-3D230E35442C}">
      <dgm:prSet/>
      <dgm:spPr/>
      <dgm:t>
        <a:bodyPr/>
        <a:lstStyle/>
        <a:p>
          <a:endParaRPr lang="zh-TW" altLang="en-US" sz="2400" b="1">
            <a:solidFill>
              <a:sysClr val="windowText" lastClr="000000"/>
            </a:solidFill>
            <a:latin typeface="Times New Roman" pitchFamily="18" charset="0"/>
            <a:ea typeface="標楷體" pitchFamily="65" charset="-120"/>
            <a:cs typeface="Times New Roman" pitchFamily="18" charset="0"/>
          </a:endParaRPr>
        </a:p>
      </dgm:t>
    </dgm:pt>
    <dgm:pt modelId="{230EFB29-115B-4EA8-AC43-B14AA537B5B7}" type="pres">
      <dgm:prSet presAssocID="{447513C6-AFC7-4FDD-8171-524A76161F7E}" presName="linear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36D9117-FE76-4B0E-96FF-AAA9DEE3AFCA}" type="pres">
      <dgm:prSet presAssocID="{767CD479-C850-483E-B47A-517BA65B984E}" presName="comp" presStyleCnt="0"/>
      <dgm:spPr/>
    </dgm:pt>
    <dgm:pt modelId="{81821616-597C-433C-864F-64567D200429}" type="pres">
      <dgm:prSet presAssocID="{767CD479-C850-483E-B47A-517BA65B984E}" presName="box" presStyleLbl="node1" presStyleIdx="0" presStyleCnt="4" custLinFactNeighborX="-3333" custLinFactNeighborY="-23220"/>
      <dgm:spPr/>
      <dgm:t>
        <a:bodyPr/>
        <a:lstStyle/>
        <a:p>
          <a:endParaRPr lang="zh-TW" altLang="en-US"/>
        </a:p>
      </dgm:t>
    </dgm:pt>
    <dgm:pt modelId="{5CB1A45A-0EBB-4A40-B1A2-4BA4BBE1845A}" type="pres">
      <dgm:prSet presAssocID="{767CD479-C850-483E-B47A-517BA65B984E}" presName="img" presStyleLbl="fgImgPlace1" presStyleIdx="0" presStyleCnt="4"/>
      <dgm:spPr/>
    </dgm:pt>
    <dgm:pt modelId="{2C5FA5D9-8DF0-408E-9321-A98168904F1A}" type="pres">
      <dgm:prSet presAssocID="{767CD479-C850-483E-B47A-517BA65B984E}" presName="text" presStyleLbl="node1" presStyleIdx="0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69CD8B4-FB39-4266-BEEE-DF4E15CFF45E}" type="pres">
      <dgm:prSet presAssocID="{D2197FCE-C44E-40A9-88C0-505AF4A8A969}" presName="spacer" presStyleCnt="0"/>
      <dgm:spPr/>
    </dgm:pt>
    <dgm:pt modelId="{6BC2A8D5-D80B-4171-BFAE-10D1B65C502D}" type="pres">
      <dgm:prSet presAssocID="{191A2CBD-B8C6-46FF-A38A-3DE38D53EC15}" presName="comp" presStyleCnt="0"/>
      <dgm:spPr/>
    </dgm:pt>
    <dgm:pt modelId="{91D4BE99-B918-4F37-AF99-921D67B8EC39}" type="pres">
      <dgm:prSet presAssocID="{191A2CBD-B8C6-46FF-A38A-3DE38D53EC15}" presName="box" presStyleLbl="node1" presStyleIdx="1" presStyleCnt="4"/>
      <dgm:spPr/>
      <dgm:t>
        <a:bodyPr/>
        <a:lstStyle/>
        <a:p>
          <a:endParaRPr lang="zh-TW" altLang="en-US"/>
        </a:p>
      </dgm:t>
    </dgm:pt>
    <dgm:pt modelId="{98CE04BD-2361-48A0-BB8E-5F8D275C8B9B}" type="pres">
      <dgm:prSet presAssocID="{191A2CBD-B8C6-46FF-A38A-3DE38D53EC15}" presName="img" presStyleLbl="fgImgPlace1" presStyleIdx="1" presStyleCnt="4"/>
      <dgm:spPr/>
    </dgm:pt>
    <dgm:pt modelId="{F0C6DE02-513D-43CA-ABDF-A44F7DFFFDAB}" type="pres">
      <dgm:prSet presAssocID="{191A2CBD-B8C6-46FF-A38A-3DE38D53EC15}" presName="text" presStyleLbl="node1" presStyleIdx="1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A5A8748-5343-4F4C-AF57-021DCA6C8CFC}" type="pres">
      <dgm:prSet presAssocID="{6D7D16C1-E2B4-4D48-A12F-6948819A45C5}" presName="spacer" presStyleCnt="0"/>
      <dgm:spPr/>
    </dgm:pt>
    <dgm:pt modelId="{5C9A7DFF-D4B6-4A77-A754-48397F5276BD}" type="pres">
      <dgm:prSet presAssocID="{865FE1A6-2C7E-4B01-B6FE-FAD22A4DA7A9}" presName="comp" presStyleCnt="0"/>
      <dgm:spPr/>
    </dgm:pt>
    <dgm:pt modelId="{08D49773-C966-4593-AFA4-76817089F8EF}" type="pres">
      <dgm:prSet presAssocID="{865FE1A6-2C7E-4B01-B6FE-FAD22A4DA7A9}" presName="box" presStyleLbl="node1" presStyleIdx="2" presStyleCnt="4"/>
      <dgm:spPr/>
      <dgm:t>
        <a:bodyPr/>
        <a:lstStyle/>
        <a:p>
          <a:endParaRPr lang="zh-TW" altLang="en-US"/>
        </a:p>
      </dgm:t>
    </dgm:pt>
    <dgm:pt modelId="{81DD8A5C-34CF-4325-B1DA-37857D0B043A}" type="pres">
      <dgm:prSet presAssocID="{865FE1A6-2C7E-4B01-B6FE-FAD22A4DA7A9}" presName="img" presStyleLbl="fgImgPlace1" presStyleIdx="2" presStyleCnt="4"/>
      <dgm:spPr/>
    </dgm:pt>
    <dgm:pt modelId="{FB337F85-F45E-4FE6-A7BD-DB93D131B209}" type="pres">
      <dgm:prSet presAssocID="{865FE1A6-2C7E-4B01-B6FE-FAD22A4DA7A9}" presName="text" presStyleLbl="node1" presStyleIdx="2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9CA64DAE-B6F1-441F-BA95-866F1580D5AA}" type="pres">
      <dgm:prSet presAssocID="{61FE5BFE-2A6F-424D-B153-0B24D49D8662}" presName="spacer" presStyleCnt="0"/>
      <dgm:spPr/>
    </dgm:pt>
    <dgm:pt modelId="{EDAA3736-38EB-4526-AB2D-7C9A3275C6C3}" type="pres">
      <dgm:prSet presAssocID="{15E999ED-F7BE-442E-A142-66B8346B75D9}" presName="comp" presStyleCnt="0"/>
      <dgm:spPr/>
    </dgm:pt>
    <dgm:pt modelId="{51FCA77C-8BCB-4AEC-860E-FDB4F32A68F4}" type="pres">
      <dgm:prSet presAssocID="{15E999ED-F7BE-442E-A142-66B8346B75D9}" presName="box" presStyleLbl="node1" presStyleIdx="3" presStyleCnt="4"/>
      <dgm:spPr/>
      <dgm:t>
        <a:bodyPr/>
        <a:lstStyle/>
        <a:p>
          <a:endParaRPr lang="zh-TW" altLang="en-US"/>
        </a:p>
      </dgm:t>
    </dgm:pt>
    <dgm:pt modelId="{6035A1AF-4456-4008-A1B8-5E785D34E366}" type="pres">
      <dgm:prSet presAssocID="{15E999ED-F7BE-442E-A142-66B8346B75D9}" presName="img" presStyleLbl="fgImgPlace1" presStyleIdx="3" presStyleCnt="4"/>
      <dgm:spPr/>
    </dgm:pt>
    <dgm:pt modelId="{21E277F4-C3E8-4DE2-B3EB-B68B32ADD79D}" type="pres">
      <dgm:prSet presAssocID="{15E999ED-F7BE-442E-A142-66B8346B75D9}" presName="text" presStyleLbl="node1" presStyleIdx="3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62034769-AFA8-47BA-B1FD-BEA3AEDC7183}" type="presOf" srcId="{191A2CBD-B8C6-46FF-A38A-3DE38D53EC15}" destId="{F0C6DE02-513D-43CA-ABDF-A44F7DFFFDAB}" srcOrd="1" destOrd="0" presId="urn:microsoft.com/office/officeart/2005/8/layout/vList4"/>
    <dgm:cxn modelId="{90564EF4-E7B9-4712-BC8C-AD5D350126AE}" type="presOf" srcId="{767CD479-C850-483E-B47A-517BA65B984E}" destId="{2C5FA5D9-8DF0-408E-9321-A98168904F1A}" srcOrd="1" destOrd="0" presId="urn:microsoft.com/office/officeart/2005/8/layout/vList4"/>
    <dgm:cxn modelId="{FE872826-0390-40C9-A94A-7B4B4F130573}" srcId="{447513C6-AFC7-4FDD-8171-524A76161F7E}" destId="{191A2CBD-B8C6-46FF-A38A-3DE38D53EC15}" srcOrd="1" destOrd="0" parTransId="{DBC40BCF-5E9C-4501-9420-CF3E1E2A4B87}" sibTransId="{6D7D16C1-E2B4-4D48-A12F-6948819A45C5}"/>
    <dgm:cxn modelId="{A9CE90E6-7093-4868-8788-4FE55C2FD135}" type="presOf" srcId="{191A2CBD-B8C6-46FF-A38A-3DE38D53EC15}" destId="{91D4BE99-B918-4F37-AF99-921D67B8EC39}" srcOrd="0" destOrd="0" presId="urn:microsoft.com/office/officeart/2005/8/layout/vList4"/>
    <dgm:cxn modelId="{F755BCB3-87E2-4CE8-9FCE-225D6B1532B6}" type="presOf" srcId="{865FE1A6-2C7E-4B01-B6FE-FAD22A4DA7A9}" destId="{08D49773-C966-4593-AFA4-76817089F8EF}" srcOrd="0" destOrd="0" presId="urn:microsoft.com/office/officeart/2005/8/layout/vList4"/>
    <dgm:cxn modelId="{E95FECA8-2FA5-42B4-BE53-3D230E35442C}" srcId="{447513C6-AFC7-4FDD-8171-524A76161F7E}" destId="{15E999ED-F7BE-442E-A142-66B8346B75D9}" srcOrd="3" destOrd="0" parTransId="{4D46383C-7CA8-47CF-8CE8-C249CE5C67C7}" sibTransId="{A26F350F-3D3A-4C0B-9815-072BCDDB4384}"/>
    <dgm:cxn modelId="{C1795BBC-C9FC-4876-9F9E-93E9CB18C58E}" type="presOf" srcId="{865FE1A6-2C7E-4B01-B6FE-FAD22A4DA7A9}" destId="{FB337F85-F45E-4FE6-A7BD-DB93D131B209}" srcOrd="1" destOrd="0" presId="urn:microsoft.com/office/officeart/2005/8/layout/vList4"/>
    <dgm:cxn modelId="{F4909161-525A-4861-8555-D87CFA4A9B2B}" srcId="{447513C6-AFC7-4FDD-8171-524A76161F7E}" destId="{767CD479-C850-483E-B47A-517BA65B984E}" srcOrd="0" destOrd="0" parTransId="{C2233ED1-25F8-4023-9AC1-C06832CBFA67}" sibTransId="{D2197FCE-C44E-40A9-88C0-505AF4A8A969}"/>
    <dgm:cxn modelId="{994C82DB-FDB1-4FD0-A7B1-C8A489AC2166}" srcId="{447513C6-AFC7-4FDD-8171-524A76161F7E}" destId="{865FE1A6-2C7E-4B01-B6FE-FAD22A4DA7A9}" srcOrd="2" destOrd="0" parTransId="{99BA615B-10A2-41A4-8B4E-FE5D77625A8F}" sibTransId="{61FE5BFE-2A6F-424D-B153-0B24D49D8662}"/>
    <dgm:cxn modelId="{AFDC5680-92D5-4F1A-8955-1848F99C1100}" type="presOf" srcId="{15E999ED-F7BE-442E-A142-66B8346B75D9}" destId="{51FCA77C-8BCB-4AEC-860E-FDB4F32A68F4}" srcOrd="0" destOrd="0" presId="urn:microsoft.com/office/officeart/2005/8/layout/vList4"/>
    <dgm:cxn modelId="{4039986F-8DA9-455A-ABCB-35B0BE61E74B}" type="presOf" srcId="{447513C6-AFC7-4FDD-8171-524A76161F7E}" destId="{230EFB29-115B-4EA8-AC43-B14AA537B5B7}" srcOrd="0" destOrd="0" presId="urn:microsoft.com/office/officeart/2005/8/layout/vList4"/>
    <dgm:cxn modelId="{5E156256-59B9-4629-B53C-D4087161C78A}" type="presOf" srcId="{15E999ED-F7BE-442E-A142-66B8346B75D9}" destId="{21E277F4-C3E8-4DE2-B3EB-B68B32ADD79D}" srcOrd="1" destOrd="0" presId="urn:microsoft.com/office/officeart/2005/8/layout/vList4"/>
    <dgm:cxn modelId="{1B5D5FF7-8D48-4531-8928-2DB90BCE4635}" type="presOf" srcId="{767CD479-C850-483E-B47A-517BA65B984E}" destId="{81821616-597C-433C-864F-64567D200429}" srcOrd="0" destOrd="0" presId="urn:microsoft.com/office/officeart/2005/8/layout/vList4"/>
    <dgm:cxn modelId="{CD21B86D-0E8D-4DB7-97E2-69BB431E7C06}" type="presParOf" srcId="{230EFB29-115B-4EA8-AC43-B14AA537B5B7}" destId="{336D9117-FE76-4B0E-96FF-AAA9DEE3AFCA}" srcOrd="0" destOrd="0" presId="urn:microsoft.com/office/officeart/2005/8/layout/vList4"/>
    <dgm:cxn modelId="{FEB0FF78-9239-459A-A632-C5115A5CFABD}" type="presParOf" srcId="{336D9117-FE76-4B0E-96FF-AAA9DEE3AFCA}" destId="{81821616-597C-433C-864F-64567D200429}" srcOrd="0" destOrd="0" presId="urn:microsoft.com/office/officeart/2005/8/layout/vList4"/>
    <dgm:cxn modelId="{1D32A8B3-F7F1-4BCD-9C2C-18698B33B46A}" type="presParOf" srcId="{336D9117-FE76-4B0E-96FF-AAA9DEE3AFCA}" destId="{5CB1A45A-0EBB-4A40-B1A2-4BA4BBE1845A}" srcOrd="1" destOrd="0" presId="urn:microsoft.com/office/officeart/2005/8/layout/vList4"/>
    <dgm:cxn modelId="{B76E1C9B-21B6-4AFF-9148-ECDBC41B6A44}" type="presParOf" srcId="{336D9117-FE76-4B0E-96FF-AAA9DEE3AFCA}" destId="{2C5FA5D9-8DF0-408E-9321-A98168904F1A}" srcOrd="2" destOrd="0" presId="urn:microsoft.com/office/officeart/2005/8/layout/vList4"/>
    <dgm:cxn modelId="{BABAF32D-4598-46DC-99A3-5C3B86596B50}" type="presParOf" srcId="{230EFB29-115B-4EA8-AC43-B14AA537B5B7}" destId="{E69CD8B4-FB39-4266-BEEE-DF4E15CFF45E}" srcOrd="1" destOrd="0" presId="urn:microsoft.com/office/officeart/2005/8/layout/vList4"/>
    <dgm:cxn modelId="{CB711636-7B18-492F-A240-9C96AE5CFC75}" type="presParOf" srcId="{230EFB29-115B-4EA8-AC43-B14AA537B5B7}" destId="{6BC2A8D5-D80B-4171-BFAE-10D1B65C502D}" srcOrd="2" destOrd="0" presId="urn:microsoft.com/office/officeart/2005/8/layout/vList4"/>
    <dgm:cxn modelId="{006C21F6-15F3-4907-9E16-9448A4985388}" type="presParOf" srcId="{6BC2A8D5-D80B-4171-BFAE-10D1B65C502D}" destId="{91D4BE99-B918-4F37-AF99-921D67B8EC39}" srcOrd="0" destOrd="0" presId="urn:microsoft.com/office/officeart/2005/8/layout/vList4"/>
    <dgm:cxn modelId="{82B08D28-D447-4D35-BF6E-65C0FDFE266F}" type="presParOf" srcId="{6BC2A8D5-D80B-4171-BFAE-10D1B65C502D}" destId="{98CE04BD-2361-48A0-BB8E-5F8D275C8B9B}" srcOrd="1" destOrd="0" presId="urn:microsoft.com/office/officeart/2005/8/layout/vList4"/>
    <dgm:cxn modelId="{0E500869-A20D-495E-94D0-283D81AF274A}" type="presParOf" srcId="{6BC2A8D5-D80B-4171-BFAE-10D1B65C502D}" destId="{F0C6DE02-513D-43CA-ABDF-A44F7DFFFDAB}" srcOrd="2" destOrd="0" presId="urn:microsoft.com/office/officeart/2005/8/layout/vList4"/>
    <dgm:cxn modelId="{728B8AA0-AB07-4420-9CCB-5734E51B8434}" type="presParOf" srcId="{230EFB29-115B-4EA8-AC43-B14AA537B5B7}" destId="{7A5A8748-5343-4F4C-AF57-021DCA6C8CFC}" srcOrd="3" destOrd="0" presId="urn:microsoft.com/office/officeart/2005/8/layout/vList4"/>
    <dgm:cxn modelId="{5BBC8A19-0010-47CB-9D73-DCBF743E9EA1}" type="presParOf" srcId="{230EFB29-115B-4EA8-AC43-B14AA537B5B7}" destId="{5C9A7DFF-D4B6-4A77-A754-48397F5276BD}" srcOrd="4" destOrd="0" presId="urn:microsoft.com/office/officeart/2005/8/layout/vList4"/>
    <dgm:cxn modelId="{C8334A70-3AC9-45DF-BB8A-ED83C147A538}" type="presParOf" srcId="{5C9A7DFF-D4B6-4A77-A754-48397F5276BD}" destId="{08D49773-C966-4593-AFA4-76817089F8EF}" srcOrd="0" destOrd="0" presId="urn:microsoft.com/office/officeart/2005/8/layout/vList4"/>
    <dgm:cxn modelId="{24A3278B-E46E-444B-8BB5-5928E165091F}" type="presParOf" srcId="{5C9A7DFF-D4B6-4A77-A754-48397F5276BD}" destId="{81DD8A5C-34CF-4325-B1DA-37857D0B043A}" srcOrd="1" destOrd="0" presId="urn:microsoft.com/office/officeart/2005/8/layout/vList4"/>
    <dgm:cxn modelId="{4FD02866-DE16-4560-A32B-37B30E0372DC}" type="presParOf" srcId="{5C9A7DFF-D4B6-4A77-A754-48397F5276BD}" destId="{FB337F85-F45E-4FE6-A7BD-DB93D131B209}" srcOrd="2" destOrd="0" presId="urn:microsoft.com/office/officeart/2005/8/layout/vList4"/>
    <dgm:cxn modelId="{C80DC49C-94F3-481E-9B63-BAAE41764334}" type="presParOf" srcId="{230EFB29-115B-4EA8-AC43-B14AA537B5B7}" destId="{9CA64DAE-B6F1-441F-BA95-866F1580D5AA}" srcOrd="5" destOrd="0" presId="urn:microsoft.com/office/officeart/2005/8/layout/vList4"/>
    <dgm:cxn modelId="{58EB5E4C-0A2B-4599-A06D-3EA34178AA8F}" type="presParOf" srcId="{230EFB29-115B-4EA8-AC43-B14AA537B5B7}" destId="{EDAA3736-38EB-4526-AB2D-7C9A3275C6C3}" srcOrd="6" destOrd="0" presId="urn:microsoft.com/office/officeart/2005/8/layout/vList4"/>
    <dgm:cxn modelId="{6B8E8FB6-64E4-429E-A5CA-FBB43E7EDCD0}" type="presParOf" srcId="{EDAA3736-38EB-4526-AB2D-7C9A3275C6C3}" destId="{51FCA77C-8BCB-4AEC-860E-FDB4F32A68F4}" srcOrd="0" destOrd="0" presId="urn:microsoft.com/office/officeart/2005/8/layout/vList4"/>
    <dgm:cxn modelId="{66331969-0DAB-40A6-B245-94C1611C2EC7}" type="presParOf" srcId="{EDAA3736-38EB-4526-AB2D-7C9A3275C6C3}" destId="{6035A1AF-4456-4008-A1B8-5E785D34E366}" srcOrd="1" destOrd="0" presId="urn:microsoft.com/office/officeart/2005/8/layout/vList4"/>
    <dgm:cxn modelId="{5D08D7E4-2FF4-495E-A0B1-DA18FC581524}" type="presParOf" srcId="{EDAA3736-38EB-4526-AB2D-7C9A3275C6C3}" destId="{21E277F4-C3E8-4DE2-B3EB-B68B32ADD79D}" srcOrd="2" destOrd="0" presId="urn:microsoft.com/office/officeart/2005/8/layout/vList4"/>
  </dgm:cxnLst>
  <dgm:bg/>
  <dgm:whole/>
  <dgm:extLst>
    <a:ext uri="http://schemas.microsoft.com/office/drawing/2008/diagram">
      <dsp:dataModelExt xmlns:dsp="http://schemas.microsoft.com/office/drawing/2008/diagram" relId="rId15" minVer="http://schemas.openxmlformats.org/drawingml/2006/diagram"/>
    </a:ext>
  </dgm:extLst>
</dgm:dataModel>
</file>

<file path=word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1821616-597C-433C-864F-64567D200429}">
      <dsp:nvSpPr>
        <dsp:cNvPr id="0" name=""/>
        <dsp:cNvSpPr/>
      </dsp:nvSpPr>
      <dsp:spPr>
        <a:xfrm>
          <a:off x="0" y="0"/>
          <a:ext cx="9784079" cy="1258629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67640" tIns="167640" rIns="167640" bIns="167640" numCol="1" spcCol="1270" anchor="ctr" anchorCtr="0">
          <a:noAutofit/>
        </a:bodyPr>
        <a:lstStyle/>
        <a:p>
          <a:pPr lvl="0" algn="l" defTabSz="1955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醫務室          </a:t>
          </a:r>
          <a:r>
            <a:rPr lang="zh-TW" altLang="en-US" sz="4400" b="1" kern="1200">
              <a:latin typeface="Verdana" pitchFamily="34" charset="0"/>
              <a:ea typeface="標楷體" pitchFamily="65" charset="-120"/>
              <a:cs typeface="Vrinda" pitchFamily="2" charset="0"/>
            </a:rPr>
            <a:t> </a:t>
          </a:r>
          <a:r>
            <a:rPr lang="en-US" sz="4400" b="1" kern="1200">
              <a:latin typeface="Verdana" pitchFamily="34" charset="0"/>
              <a:ea typeface="標楷體" pitchFamily="65" charset="-120"/>
              <a:cs typeface="Vrinda" pitchFamily="2" charset="0"/>
            </a:rPr>
            <a:t>2519 / 2520</a:t>
          </a:r>
          <a:endParaRPr lang="zh-TW" altLang="en-US" sz="4400" b="1" kern="1200">
            <a:latin typeface="Verdana" pitchFamily="34" charset="0"/>
            <a:ea typeface="標楷體" pitchFamily="65" charset="-120"/>
            <a:cs typeface="Vrinda" pitchFamily="2" charset="0"/>
          </a:endParaRPr>
        </a:p>
      </dsp:txBody>
      <dsp:txXfrm>
        <a:off x="2082678" y="0"/>
        <a:ext cx="7701401" cy="1258629"/>
      </dsp:txXfrm>
    </dsp:sp>
    <dsp:sp modelId="{5CB1A45A-0EBB-4A40-B1A2-4BA4BBE1845A}">
      <dsp:nvSpPr>
        <dsp:cNvPr id="0" name=""/>
        <dsp:cNvSpPr/>
      </dsp:nvSpPr>
      <dsp:spPr>
        <a:xfrm>
          <a:off x="125862" y="125862"/>
          <a:ext cx="1956815" cy="1006903"/>
        </a:xfrm>
        <a:prstGeom prst="roundRect">
          <a:avLst>
            <a:gd name="adj" fmla="val 10000"/>
          </a:avLst>
        </a:prstGeom>
        <a:solidFill>
          <a:schemeClr val="accent5">
            <a:tint val="4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/>
      </dsp:style>
    </dsp:sp>
    <dsp:sp modelId="{91D4BE99-B918-4F37-AF99-921D67B8EC39}">
      <dsp:nvSpPr>
        <dsp:cNvPr id="0" name=""/>
        <dsp:cNvSpPr/>
      </dsp:nvSpPr>
      <dsp:spPr>
        <a:xfrm>
          <a:off x="0" y="1384492"/>
          <a:ext cx="9784079" cy="1258629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67640" tIns="167640" rIns="167640" bIns="167640" numCol="1" spcCol="1270" anchor="ctr" anchorCtr="0">
          <a:noAutofit/>
        </a:bodyPr>
        <a:lstStyle/>
        <a:p>
          <a:pPr lvl="0" algn="just" defTabSz="1955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保警中隊                         </a:t>
          </a:r>
          <a:r>
            <a:rPr lang="en-US" altLang="zh-TW" sz="4400" b="1" kern="1200">
              <a:latin typeface="Verdana" pitchFamily="34" charset="0"/>
              <a:ea typeface="標楷體" pitchFamily="65" charset="-120"/>
              <a:cs typeface="Times New Roman" pitchFamily="18" charset="0"/>
            </a:rPr>
            <a:t>2255</a:t>
          </a:r>
          <a:endParaRPr lang="zh-TW" altLang="en-US" sz="4400" b="1" kern="1200">
            <a:latin typeface="Verdana" pitchFamily="34" charset="0"/>
            <a:ea typeface="標楷體" pitchFamily="65" charset="-120"/>
            <a:cs typeface="Times New Roman" pitchFamily="18" charset="0"/>
          </a:endParaRPr>
        </a:p>
      </dsp:txBody>
      <dsp:txXfrm>
        <a:off x="2082678" y="1384492"/>
        <a:ext cx="7701401" cy="1258629"/>
      </dsp:txXfrm>
    </dsp:sp>
    <dsp:sp modelId="{98CE04BD-2361-48A0-BB8E-5F8D275C8B9B}">
      <dsp:nvSpPr>
        <dsp:cNvPr id="0" name=""/>
        <dsp:cNvSpPr/>
      </dsp:nvSpPr>
      <dsp:spPr>
        <a:xfrm>
          <a:off x="125862" y="1510355"/>
          <a:ext cx="1956815" cy="1006903"/>
        </a:xfrm>
        <a:prstGeom prst="roundRect">
          <a:avLst>
            <a:gd name="adj" fmla="val 10000"/>
          </a:avLst>
        </a:prstGeom>
        <a:solidFill>
          <a:schemeClr val="accent5">
            <a:tint val="4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/>
      </dsp:style>
    </dsp:sp>
    <dsp:sp modelId="{08D49773-C966-4593-AFA4-76817089F8EF}">
      <dsp:nvSpPr>
        <dsp:cNvPr id="0" name=""/>
        <dsp:cNvSpPr/>
      </dsp:nvSpPr>
      <dsp:spPr>
        <a:xfrm>
          <a:off x="0" y="2768984"/>
          <a:ext cx="9784079" cy="1258629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8000" tIns="167640" rIns="0" bIns="167640" numCol="1" spcCol="1270" anchor="ctr" anchorCtr="0">
          <a:noAutofit/>
        </a:bodyPr>
        <a:lstStyle/>
        <a:p>
          <a:pPr lvl="0" algn="l" defTabSz="1955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中科院消防隊 </a:t>
          </a:r>
          <a:r>
            <a:rPr lang="en-US" sz="4400" b="1" kern="1200">
              <a:latin typeface="Verdana" pitchFamily="34" charset="0"/>
              <a:ea typeface="標楷體" pitchFamily="65" charset="-120"/>
              <a:cs typeface="Times New Roman" pitchFamily="18" charset="0"/>
            </a:rPr>
            <a:t>119/350524</a:t>
          </a:r>
          <a:endParaRPr lang="zh-TW" altLang="en-US" sz="4400" b="1" kern="1200">
            <a:latin typeface="Verdana" pitchFamily="34" charset="0"/>
            <a:ea typeface="標楷體" pitchFamily="65" charset="-120"/>
            <a:cs typeface="Times New Roman" pitchFamily="18" charset="0"/>
          </a:endParaRPr>
        </a:p>
      </dsp:txBody>
      <dsp:txXfrm>
        <a:off x="2082678" y="2768984"/>
        <a:ext cx="7701401" cy="1258629"/>
      </dsp:txXfrm>
    </dsp:sp>
    <dsp:sp modelId="{81DD8A5C-34CF-4325-B1DA-37857D0B043A}">
      <dsp:nvSpPr>
        <dsp:cNvPr id="0" name=""/>
        <dsp:cNvSpPr/>
      </dsp:nvSpPr>
      <dsp:spPr>
        <a:xfrm>
          <a:off x="125862" y="2894847"/>
          <a:ext cx="1956815" cy="1006903"/>
        </a:xfrm>
        <a:prstGeom prst="roundRect">
          <a:avLst>
            <a:gd name="adj" fmla="val 10000"/>
          </a:avLst>
        </a:prstGeom>
        <a:solidFill>
          <a:schemeClr val="accent5">
            <a:tint val="4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/>
      </dsp:style>
    </dsp:sp>
    <dsp:sp modelId="{51FCA77C-8BCB-4AEC-860E-FDB4F32A68F4}">
      <dsp:nvSpPr>
        <dsp:cNvPr id="0" name=""/>
        <dsp:cNvSpPr/>
      </dsp:nvSpPr>
      <dsp:spPr>
        <a:xfrm>
          <a:off x="0" y="4153477"/>
          <a:ext cx="9784079" cy="1258629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67640" tIns="167640" rIns="167640" bIns="167640" numCol="1" spcCol="1270" anchor="ctr" anchorCtr="0">
          <a:noAutofit/>
        </a:bodyPr>
        <a:lstStyle/>
        <a:p>
          <a:pPr lvl="0" algn="l" defTabSz="1955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所外消防隊</a:t>
          </a:r>
          <a:r>
            <a:rPr lang="en-US" altLang="zh-TW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/</a:t>
          </a:r>
          <a:r>
            <a:rPr lang="zh-TW" altLang="en-US" sz="4400" b="1" kern="1200">
              <a:solidFill>
                <a:srgbClr val="C00000"/>
              </a:solidFill>
              <a:latin typeface="Times New Roman" pitchFamily="18" charset="0"/>
              <a:ea typeface="標楷體" pitchFamily="65" charset="-120"/>
              <a:cs typeface="Times New Roman" pitchFamily="18" charset="0"/>
            </a:rPr>
            <a:t>救護車</a:t>
          </a:r>
          <a:r>
            <a:rPr lang="zh-TW" altLang="en-US" sz="4400" b="1" kern="1200">
              <a:latin typeface="Times New Roman" pitchFamily="18" charset="0"/>
              <a:ea typeface="標楷體" pitchFamily="65" charset="-120"/>
              <a:cs typeface="Times New Roman" pitchFamily="18" charset="0"/>
            </a:rPr>
            <a:t>   </a:t>
          </a:r>
          <a:r>
            <a:rPr lang="en-US" sz="4400" b="1" kern="1200">
              <a:solidFill>
                <a:srgbClr val="C00000"/>
              </a:solidFill>
              <a:latin typeface="Verdana" pitchFamily="34" charset="0"/>
              <a:ea typeface="標楷體" pitchFamily="65" charset="-120"/>
              <a:cs typeface="Times New Roman" pitchFamily="18" charset="0"/>
            </a:rPr>
            <a:t>03-119</a:t>
          </a:r>
          <a:endParaRPr lang="zh-TW" altLang="en-US" sz="4400" b="1" kern="1200">
            <a:solidFill>
              <a:srgbClr val="C00000"/>
            </a:solidFill>
            <a:latin typeface="Verdana" pitchFamily="34" charset="0"/>
            <a:ea typeface="標楷體" pitchFamily="65" charset="-120"/>
            <a:cs typeface="Times New Roman" pitchFamily="18" charset="0"/>
          </a:endParaRPr>
        </a:p>
      </dsp:txBody>
      <dsp:txXfrm>
        <a:off x="2082678" y="4153477"/>
        <a:ext cx="7701401" cy="1258629"/>
      </dsp:txXfrm>
    </dsp:sp>
    <dsp:sp modelId="{6035A1AF-4456-4008-A1B8-5E785D34E366}">
      <dsp:nvSpPr>
        <dsp:cNvPr id="0" name=""/>
        <dsp:cNvSpPr/>
      </dsp:nvSpPr>
      <dsp:spPr>
        <a:xfrm>
          <a:off x="125862" y="4279340"/>
          <a:ext cx="1956815" cy="1006903"/>
        </a:xfrm>
        <a:prstGeom prst="roundRect">
          <a:avLst>
            <a:gd name="adj" fmla="val 10000"/>
          </a:avLst>
        </a:prstGeom>
        <a:solidFill>
          <a:schemeClr val="accent5">
            <a:tint val="4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accent5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/>
      </dsp:style>
    </dsp:sp>
  </dsp:spTree>
</dsp:drawing>
</file>

<file path=word/diagrams/layout1.xml><?xml version="1.0" encoding="utf-8"?>
<dgm:layoutDef xmlns:dgm="http://schemas.openxmlformats.org/drawingml/2006/diagram" xmlns:a="http://schemas.openxmlformats.org/drawingml/2006/main" uniqueId="urn:microsoft.com/office/officeart/2005/8/layout/vList4">
  <dgm:title val=""/>
  <dgm:desc val=""/>
  <dgm:catLst>
    <dgm:cat type="list" pri="13000"/>
    <dgm:cat type="picture" pri="26000"/>
    <dgm:cat type="pictureconvert" pri="26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  <dgm:cxn modelId="33" srcId="3" destId="31" srcOrd="0" destOrd="0"/>
        <dgm:cxn modelId="34" srcId="3" destId="32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dir/>
      <dgm:resizeHandles val="exact"/>
    </dgm:varLst>
    <dgm:alg type="lin">
      <dgm:param type="linDir" val="fromT"/>
      <dgm:param type="vertAlign" val="t"/>
    </dgm:alg>
    <dgm:shape xmlns:r="http://schemas.openxmlformats.org/officeDocument/2006/relationships" r:blip="">
      <dgm:adjLst/>
    </dgm:shape>
    <dgm:presOf/>
    <dgm:constrLst>
      <dgm:constr type="w" for="ch" forName="comp" refType="w"/>
      <dgm:constr type="h" for="ch" forName="comp" refType="h"/>
      <dgm:constr type="h" for="ch" forName="spacer" refType="h" refFor="ch" refForName="comp" op="equ" fact="0.1"/>
      <dgm:constr type="primFontSz" for="des" forName="text" op="equ" val="65"/>
    </dgm:constrLst>
    <dgm:ruleLst/>
    <dgm:forEach name="Name0" axis="ch" ptType="node">
      <dgm:layoutNode name="comp" styleLbl="node1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h" for="ch" forName="box" refType="h"/>
              <dgm:constr type="w" for="ch" forName="box" refType="w"/>
              <dgm:constr type="w" for="ch" forName="img" refType="w" refFor="ch" refForName="box" fact="0.2"/>
              <dgm:constr type="h" for="ch" forName="img" refType="h" refFor="ch" refForName="box" fact="0.8"/>
              <dgm:constr type="t" for="ch" forName="img" refType="h" refFor="ch" refForName="box" fact="0.1"/>
              <dgm:constr type="l" for="ch" forName="img" refType="h" refFor="ch" refForName="box" fact="0.1"/>
              <dgm:constr type="h" for="ch" forName="text" refType="h"/>
              <dgm:constr type="l" for="ch" forName="text" refType="r" refFor="ch" refForName="img"/>
              <dgm:constr type="r" for="ch" forName="text" refType="w"/>
            </dgm:constrLst>
          </dgm:if>
          <dgm:else name="Name3">
            <dgm:constrLst>
              <dgm:constr type="h" for="ch" forName="box" refType="h"/>
              <dgm:constr type="w" for="ch" forName="box" refType="w"/>
              <dgm:constr type="w" for="ch" forName="img" refType="w" refFor="ch" refForName="box" fact="0.2"/>
              <dgm:constr type="h" for="ch" forName="img" refType="h" refFor="ch" refForName="box" fact="0.8"/>
              <dgm:constr type="t" for="ch" forName="img" refType="h" refFor="ch" refForName="box" fact="0.1"/>
              <dgm:constr type="r" for="ch" forName="img" refType="w" refFor="ch" refForName="box"/>
              <dgm:constr type="rOff" for="ch" forName="img" refType="h" refFor="ch" refForName="box" fact="-0.1"/>
              <dgm:constr type="h" for="ch" forName="text" refType="h"/>
              <dgm:constr type="r" for="ch" forName="text" refType="l" refFor="ch" refForName="img"/>
              <dgm:constr type="l" for="ch" forName="text"/>
            </dgm:constrLst>
          </dgm:else>
        </dgm:choose>
        <dgm:ruleLst/>
        <dgm:layoutNode name="box" styleLbl="node1">
          <dgm:alg type="sp"/>
          <dgm:shape xmlns:r="http://schemas.openxmlformats.org/officeDocument/2006/relationships" type="roundRect" r:blip="">
            <dgm:adjLst>
              <dgm:adj idx="1" val="0.1"/>
            </dgm:adjLst>
          </dgm:shape>
          <dgm:presOf axis="desOrSelf" ptType="node"/>
          <dgm:constrLst/>
          <dgm:ruleLst/>
        </dgm:layoutNode>
        <dgm:layoutNode name="img" styleLbl="fgImgPlace1">
          <dgm:alg type="sp"/>
          <dgm:shape xmlns:r="http://schemas.openxmlformats.org/officeDocument/2006/relationships" type="roundRect" r:blip="" blipPhldr="1">
            <dgm:adjLst>
              <dgm:adj idx="1" val="0.1"/>
            </dgm:adjLst>
          </dgm:shape>
          <dgm:presOf/>
          <dgm:constrLst/>
          <dgm:ruleLst/>
        </dgm:layoutNode>
        <dgm:layoutNode name="text">
          <dgm:varLst>
            <dgm:bulletEnabled val="1"/>
          </dgm:varLst>
          <dgm:alg type="tx">
            <dgm:param type="parTxLTRAlign" val="l"/>
            <dgm:param type="parTxRTLAlign" val="r"/>
          </dgm:alg>
          <dgm:shape xmlns:r="http://schemas.openxmlformats.org/officeDocument/2006/relationships" type="rect" r:blip="" hideGeom="1">
            <dgm:adjLst/>
          </dgm:shape>
          <dgm:presOf axis="desOrSelf" ptType="node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layoutNode>
      <dgm:forEach name="Name4" axis="followSib" ptType="sibTrans" cnt="1">
        <dgm:layoutNode name="spacer">
          <dgm:alg type="sp"/>
          <dgm:shape xmlns:r="http://schemas.openxmlformats.org/officeDocument/2006/relationships" r:blip="">
            <dgm:adjLst/>
          </dgm:shape>
          <dgm:presOf axis="self"/>
          <dgm:constrLst/>
          <dgm:ruleLst/>
        </dgm:layoutNode>
      </dgm:forEach>
    </dgm:forEach>
  </dgm:layoutNode>
</dgm:layoutDef>
</file>

<file path=word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3</Words>
  <Characters>20</Characters>
  <Application>Microsoft Office Word</Application>
  <DocSecurity>0</DocSecurity>
  <Lines>1</Lines>
  <Paragraphs>1</Paragraphs>
  <ScaleCrop>false</ScaleCrop>
  <Company>INER</Company>
  <LinksUpToDate>false</LinksUpToDate>
  <CharactersWithSpaces>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行政院原子能委員會核能研究所緊急應變小組成員及聯絡電話</dc:title>
  <dc:subject/>
  <dc:creator>i1069</dc:creator>
  <cp:keywords/>
  <dc:description/>
  <cp:lastModifiedBy>王雅婷</cp:lastModifiedBy>
  <cp:revision>5</cp:revision>
  <cp:lastPrinted>2013-09-14T03:42:00Z</cp:lastPrinted>
  <dcterms:created xsi:type="dcterms:W3CDTF">2013-09-18T07:36:00Z</dcterms:created>
  <dcterms:modified xsi:type="dcterms:W3CDTF">2014-12-02T09:21:00Z</dcterms:modified>
</cp:coreProperties>
</file>